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75" d="100"/>
          <a:sy n="75" d="100"/>
        </p:scale>
        <p:origin x="1968" y="43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2-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2-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emsdelta/"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6" name="Afbeelding 5" descr="Afbeelding met tekst, logo, Lettertype, Graphics&#10;&#10;Automatisch gegenereerde beschrijving">
            <a:extLst>
              <a:ext uri="{FF2B5EF4-FFF2-40B4-BE49-F238E27FC236}">
                <a16:creationId xmlns:a16="http://schemas.microsoft.com/office/drawing/2014/main" id="{79ADEC7C-5E11-82B2-706F-CE1403D88B6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674845"/>
            <a:ext cx="1848325" cy="188152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Lettertype, Graphics&#10;&#10;Automatisch gegenereerde beschrijving">
            <a:extLst>
              <a:ext uri="{FF2B5EF4-FFF2-40B4-BE49-F238E27FC236}">
                <a16:creationId xmlns:a16="http://schemas.microsoft.com/office/drawing/2014/main" id="{BA9D6C5F-50B9-A060-4D8A-71DAF5FB68C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7708" y="3793952"/>
            <a:ext cx="1563231" cy="159131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1-22T14:25:17Z</dcterms:modified>
</cp:coreProperties>
</file>